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10 - 2022 - 250. (Príprava) Dvoj-rovinný RTG angiografický prístroj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6" i="9" l="1"/>
  <c r="R16" i="9"/>
  <c r="R10" i="9" l="1"/>
  <c r="S10" i="9" l="1"/>
</calcChain>
</file>

<file path=xl/sharedStrings.xml><?xml version="1.0" encoding="utf-8"?>
<sst xmlns="http://schemas.openxmlformats.org/spreadsheetml/2006/main" count="67" uniqueCount="4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mesiacov</t>
  </si>
  <si>
    <t>Cena servisnej hodiny na mimozáručný servis počas záručnej doby</t>
  </si>
  <si>
    <t>na hodinu</t>
  </si>
  <si>
    <t>zľava</t>
  </si>
  <si>
    <t>2.</t>
  </si>
  <si>
    <t>4.</t>
  </si>
  <si>
    <t>mesiac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</t>
  </si>
  <si>
    <t>Termín dodania pre položku č.1</t>
  </si>
  <si>
    <t>Záručná doba pre položku č.1</t>
  </si>
  <si>
    <t>Variant č.1</t>
  </si>
  <si>
    <t>Variant č.2</t>
  </si>
  <si>
    <r>
      <t xml:space="preserve">Pozáručný servis pre položku č.1
</t>
    </r>
    <r>
      <rPr>
        <b/>
        <sz val="10"/>
        <color rgb="FFFF0000"/>
        <rFont val="Arial"/>
        <family val="2"/>
        <charset val="238"/>
      </rPr>
      <t>vrátane náhradných dielov</t>
    </r>
  </si>
  <si>
    <r>
      <t xml:space="preserve">Pozáručný servis pre položku č.1 </t>
    </r>
    <r>
      <rPr>
        <b/>
        <sz val="10"/>
        <color rgb="FFFF0000"/>
        <rFont val="Arial"/>
        <family val="2"/>
        <charset val="238"/>
      </rPr>
      <t>bez náhradných dielov</t>
    </r>
  </si>
  <si>
    <t>Dvoj-rovinný angiografický systém s príslušenstvom vrátane pozáručného servisu</t>
  </si>
  <si>
    <t>Dvoj-rovinný angiografický systém s príslušenstv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b/>
      <sz val="10"/>
      <color rgb="FFFF0000"/>
      <name val="Arial"/>
      <family val="2"/>
      <charset val="238"/>
    </font>
    <font>
      <b/>
      <sz val="11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4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9" xfId="0" applyFont="1" applyBorder="1" applyAlignment="1">
      <alignment horizontal="center" vertical="center" wrapText="1"/>
    </xf>
    <xf numFmtId="3" fontId="4" fillId="0" borderId="22" xfId="0" applyNumberFormat="1" applyFont="1" applyFill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2" fillId="0" borderId="42" xfId="0" applyFont="1" applyBorder="1" applyAlignment="1">
      <alignment horizontal="center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11" fillId="0" borderId="0" xfId="0" applyFont="1" applyAlignment="1">
      <alignment horizontal="left" vertical="center"/>
    </xf>
    <xf numFmtId="166" fontId="4" fillId="0" borderId="0" xfId="0" applyNumberFormat="1" applyFont="1" applyFill="1" applyBorder="1" applyAlignment="1">
      <alignment horizontal="righ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5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4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97" t="s">
        <v>9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44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x14ac:dyDescent="0.25">
      <c r="A5" s="34"/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2" customFormat="1" ht="28.5" customHeight="1" thickBot="1" x14ac:dyDescent="0.3">
      <c r="A6" s="76" t="s">
        <v>40</v>
      </c>
      <c r="B6" s="7"/>
      <c r="D6" s="3"/>
      <c r="E6" s="3"/>
      <c r="F6" s="5"/>
      <c r="G6" s="3"/>
      <c r="H6" s="3"/>
      <c r="I6" s="3"/>
      <c r="J6" s="3"/>
      <c r="K6" s="3"/>
      <c r="L6" s="3"/>
      <c r="M6" s="9"/>
      <c r="N6" s="10"/>
      <c r="O6" s="10"/>
      <c r="P6" s="11"/>
      <c r="Q6" s="12"/>
      <c r="R6" s="5"/>
      <c r="S6" s="5"/>
      <c r="T6" s="5"/>
      <c r="U6" s="9"/>
      <c r="V6" s="12"/>
    </row>
    <row r="7" spans="1:22" s="8" customFormat="1" ht="48.75" thickBot="1" x14ac:dyDescent="0.3">
      <c r="A7" s="31" t="s">
        <v>11</v>
      </c>
      <c r="B7" s="78" t="s">
        <v>1</v>
      </c>
      <c r="C7" s="79"/>
      <c r="D7" s="32" t="s">
        <v>12</v>
      </c>
      <c r="E7" s="33" t="s">
        <v>13</v>
      </c>
      <c r="F7" s="15"/>
      <c r="G7" s="35" t="s">
        <v>14</v>
      </c>
      <c r="H7" s="36" t="s">
        <v>15</v>
      </c>
      <c r="I7" s="36" t="s">
        <v>16</v>
      </c>
      <c r="J7" s="37" t="s">
        <v>17</v>
      </c>
      <c r="K7" s="37" t="s">
        <v>18</v>
      </c>
      <c r="L7" s="40" t="s">
        <v>19</v>
      </c>
      <c r="M7" s="42" t="s">
        <v>20</v>
      </c>
      <c r="N7" s="80" t="s">
        <v>21</v>
      </c>
      <c r="O7" s="81"/>
      <c r="P7" s="38" t="s">
        <v>22</v>
      </c>
      <c r="Q7" s="43" t="s">
        <v>23</v>
      </c>
      <c r="R7" s="41" t="s">
        <v>24</v>
      </c>
      <c r="S7" s="39" t="s">
        <v>25</v>
      </c>
      <c r="T7" s="15"/>
    </row>
    <row r="8" spans="1:22" s="2" customFormat="1" ht="44.1" customHeight="1" x14ac:dyDescent="0.25">
      <c r="A8" s="44" t="s">
        <v>2</v>
      </c>
      <c r="B8" s="82" t="s">
        <v>45</v>
      </c>
      <c r="C8" s="83"/>
      <c r="D8" s="60" t="s">
        <v>0</v>
      </c>
      <c r="E8" s="61">
        <v>1</v>
      </c>
      <c r="F8" s="16"/>
      <c r="G8" s="44"/>
      <c r="H8" s="65"/>
      <c r="I8" s="65"/>
      <c r="J8" s="65"/>
      <c r="K8" s="65"/>
      <c r="L8" s="65"/>
      <c r="M8" s="66"/>
      <c r="N8" s="84"/>
      <c r="O8" s="85"/>
      <c r="P8" s="67"/>
      <c r="Q8" s="67"/>
      <c r="R8" s="68"/>
      <c r="S8" s="69"/>
      <c r="T8" s="16"/>
    </row>
    <row r="9" spans="1:22" s="2" customFormat="1" ht="44.1" customHeight="1" thickBot="1" x14ac:dyDescent="0.3">
      <c r="A9" s="62" t="s">
        <v>34</v>
      </c>
      <c r="B9" s="86" t="s">
        <v>42</v>
      </c>
      <c r="C9" s="87"/>
      <c r="D9" s="63" t="s">
        <v>36</v>
      </c>
      <c r="E9" s="64">
        <v>60</v>
      </c>
      <c r="F9" s="16"/>
      <c r="G9" s="62"/>
      <c r="H9" s="70"/>
      <c r="I9" s="70"/>
      <c r="J9" s="70"/>
      <c r="K9" s="70"/>
      <c r="L9" s="70"/>
      <c r="M9" s="71"/>
      <c r="N9" s="88"/>
      <c r="O9" s="89"/>
      <c r="P9" s="72"/>
      <c r="Q9" s="72"/>
      <c r="R9" s="73"/>
      <c r="S9" s="74"/>
      <c r="T9" s="16"/>
    </row>
    <row r="10" spans="1:22" s="2" customFormat="1" ht="30" customHeight="1" thickBot="1" x14ac:dyDescent="0.3">
      <c r="A10" s="53"/>
      <c r="B10" s="54"/>
      <c r="C10" s="54"/>
      <c r="D10" s="53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58">
        <f>SUM(R8:R9)</f>
        <v>0</v>
      </c>
      <c r="S10" s="59">
        <f>SUM(S8:S9)</f>
        <v>0</v>
      </c>
      <c r="T10" s="16"/>
    </row>
    <row r="11" spans="1:22" s="2" customFormat="1" ht="30" customHeight="1" x14ac:dyDescent="0.25">
      <c r="A11" s="53"/>
      <c r="B11" s="54"/>
      <c r="C11" s="54"/>
      <c r="D11" s="53"/>
      <c r="E11" s="55"/>
      <c r="F11" s="55"/>
      <c r="G11" s="55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77"/>
      <c r="S11" s="77"/>
      <c r="T11" s="16"/>
    </row>
    <row r="12" spans="1:22" s="2" customFormat="1" ht="28.5" customHeight="1" thickBot="1" x14ac:dyDescent="0.3">
      <c r="A12" s="76" t="s">
        <v>41</v>
      </c>
      <c r="B12" s="7"/>
      <c r="D12" s="3"/>
      <c r="E12" s="3"/>
      <c r="F12" s="5"/>
      <c r="G12" s="3"/>
      <c r="H12" s="3"/>
      <c r="I12" s="3"/>
      <c r="J12" s="3"/>
      <c r="K12" s="3"/>
      <c r="L12" s="3"/>
      <c r="M12" s="9"/>
      <c r="N12" s="10"/>
      <c r="O12" s="10"/>
      <c r="P12" s="11"/>
      <c r="Q12" s="12"/>
      <c r="R12" s="5"/>
      <c r="S12" s="5"/>
      <c r="T12" s="5"/>
      <c r="U12" s="9"/>
      <c r="V12" s="12"/>
    </row>
    <row r="13" spans="1:22" s="8" customFormat="1" ht="48.75" thickBot="1" x14ac:dyDescent="0.3">
      <c r="A13" s="31" t="s">
        <v>11</v>
      </c>
      <c r="B13" s="78" t="s">
        <v>1</v>
      </c>
      <c r="C13" s="79"/>
      <c r="D13" s="32" t="s">
        <v>12</v>
      </c>
      <c r="E13" s="33" t="s">
        <v>13</v>
      </c>
      <c r="F13" s="15"/>
      <c r="G13" s="35" t="s">
        <v>14</v>
      </c>
      <c r="H13" s="36" t="s">
        <v>15</v>
      </c>
      <c r="I13" s="36" t="s">
        <v>16</v>
      </c>
      <c r="J13" s="37" t="s">
        <v>17</v>
      </c>
      <c r="K13" s="37" t="s">
        <v>18</v>
      </c>
      <c r="L13" s="75" t="s">
        <v>19</v>
      </c>
      <c r="M13" s="42" t="s">
        <v>20</v>
      </c>
      <c r="N13" s="80" t="s">
        <v>21</v>
      </c>
      <c r="O13" s="81"/>
      <c r="P13" s="38" t="s">
        <v>22</v>
      </c>
      <c r="Q13" s="43" t="s">
        <v>23</v>
      </c>
      <c r="R13" s="41" t="s">
        <v>24</v>
      </c>
      <c r="S13" s="39" t="s">
        <v>25</v>
      </c>
      <c r="T13" s="15"/>
    </row>
    <row r="14" spans="1:22" s="2" customFormat="1" ht="44.1" customHeight="1" x14ac:dyDescent="0.25">
      <c r="A14" s="44" t="s">
        <v>2</v>
      </c>
      <c r="B14" s="82" t="s">
        <v>45</v>
      </c>
      <c r="C14" s="83"/>
      <c r="D14" s="60" t="s">
        <v>0</v>
      </c>
      <c r="E14" s="61">
        <v>1</v>
      </c>
      <c r="F14" s="16"/>
      <c r="G14" s="44"/>
      <c r="H14" s="65"/>
      <c r="I14" s="65"/>
      <c r="J14" s="65"/>
      <c r="K14" s="65"/>
      <c r="L14" s="65"/>
      <c r="M14" s="66"/>
      <c r="N14" s="84"/>
      <c r="O14" s="85"/>
      <c r="P14" s="67"/>
      <c r="Q14" s="67"/>
      <c r="R14" s="68"/>
      <c r="S14" s="69"/>
      <c r="T14" s="16"/>
    </row>
    <row r="15" spans="1:22" s="2" customFormat="1" ht="44.1" customHeight="1" thickBot="1" x14ac:dyDescent="0.3">
      <c r="A15" s="62" t="s">
        <v>34</v>
      </c>
      <c r="B15" s="86" t="s">
        <v>43</v>
      </c>
      <c r="C15" s="87"/>
      <c r="D15" s="63" t="s">
        <v>36</v>
      </c>
      <c r="E15" s="64">
        <v>60</v>
      </c>
      <c r="F15" s="16"/>
      <c r="G15" s="62"/>
      <c r="H15" s="70"/>
      <c r="I15" s="70"/>
      <c r="J15" s="70"/>
      <c r="K15" s="70"/>
      <c r="L15" s="70"/>
      <c r="M15" s="71"/>
      <c r="N15" s="88"/>
      <c r="O15" s="89"/>
      <c r="P15" s="72"/>
      <c r="Q15" s="72"/>
      <c r="R15" s="73"/>
      <c r="S15" s="74"/>
      <c r="T15" s="16"/>
    </row>
    <row r="16" spans="1:22" s="2" customFormat="1" ht="30" customHeight="1" thickBot="1" x14ac:dyDescent="0.3">
      <c r="A16" s="53"/>
      <c r="B16" s="54"/>
      <c r="C16" s="54"/>
      <c r="D16" s="53"/>
      <c r="E16" s="55"/>
      <c r="F16" s="55"/>
      <c r="G16" s="55"/>
      <c r="H16" s="55"/>
      <c r="I16" s="55"/>
      <c r="J16" s="55"/>
      <c r="K16" s="55"/>
      <c r="L16" s="55"/>
      <c r="M16" s="55"/>
      <c r="N16" s="55"/>
      <c r="O16" s="55"/>
      <c r="P16" s="55"/>
      <c r="Q16" s="55"/>
      <c r="R16" s="58">
        <f>SUM(R14:R15)</f>
        <v>0</v>
      </c>
      <c r="S16" s="59">
        <f>SUM(S14:S15)</f>
        <v>0</v>
      </c>
      <c r="T16" s="16"/>
    </row>
    <row r="18" spans="1:22" ht="16.5" customHeight="1" thickBot="1" x14ac:dyDescent="0.25">
      <c r="A18" s="52" t="s">
        <v>26</v>
      </c>
      <c r="B18" s="21"/>
      <c r="C18" s="22"/>
      <c r="D18" s="1"/>
      <c r="E18" s="23"/>
      <c r="F18" s="23"/>
      <c r="G18" s="24"/>
      <c r="H18" s="23"/>
      <c r="R18" s="23"/>
      <c r="S18" s="23"/>
      <c r="T18" s="23"/>
    </row>
    <row r="19" spans="1:22" ht="30" customHeight="1" x14ac:dyDescent="0.2">
      <c r="A19" s="45">
        <v>1</v>
      </c>
      <c r="B19" s="98" t="s">
        <v>38</v>
      </c>
      <c r="C19" s="99"/>
      <c r="D19" s="99"/>
      <c r="E19" s="100"/>
      <c r="F19" s="25"/>
      <c r="G19" s="44"/>
      <c r="H19" s="46" t="s">
        <v>29</v>
      </c>
      <c r="R19" s="25"/>
      <c r="S19" s="25"/>
      <c r="T19" s="25"/>
    </row>
    <row r="20" spans="1:22" ht="30" customHeight="1" x14ac:dyDescent="0.2">
      <c r="A20" s="47">
        <v>2</v>
      </c>
      <c r="B20" s="101" t="s">
        <v>39</v>
      </c>
      <c r="C20" s="102"/>
      <c r="D20" s="102"/>
      <c r="E20" s="103"/>
      <c r="F20" s="25"/>
      <c r="G20" s="48"/>
      <c r="H20" s="49" t="s">
        <v>30</v>
      </c>
      <c r="J20" s="28" t="s">
        <v>28</v>
      </c>
      <c r="K20" s="94"/>
      <c r="L20" s="94"/>
      <c r="M20" s="94"/>
      <c r="S20" s="25"/>
      <c r="T20" s="25"/>
    </row>
    <row r="21" spans="1:22" ht="30" customHeight="1" x14ac:dyDescent="0.2">
      <c r="A21" s="47">
        <v>3</v>
      </c>
      <c r="B21" s="101" t="s">
        <v>31</v>
      </c>
      <c r="C21" s="102"/>
      <c r="D21" s="102"/>
      <c r="E21" s="103"/>
      <c r="F21" s="25"/>
      <c r="G21" s="56"/>
      <c r="H21" s="49" t="s">
        <v>32</v>
      </c>
      <c r="J21" s="28" t="s">
        <v>27</v>
      </c>
      <c r="K21" s="90"/>
      <c r="L21" s="90"/>
      <c r="M21" s="90"/>
      <c r="S21" s="25"/>
    </row>
    <row r="22" spans="1:22" ht="73.5" customHeight="1" thickBot="1" x14ac:dyDescent="0.25">
      <c r="A22" s="50" t="s">
        <v>35</v>
      </c>
      <c r="B22" s="91" t="s">
        <v>37</v>
      </c>
      <c r="C22" s="92"/>
      <c r="D22" s="92"/>
      <c r="E22" s="93"/>
      <c r="F22" s="25"/>
      <c r="G22" s="57"/>
      <c r="H22" s="51" t="s">
        <v>33</v>
      </c>
      <c r="S22" s="23"/>
    </row>
    <row r="23" spans="1:22" x14ac:dyDescent="0.2">
      <c r="F23" s="1"/>
      <c r="G23" s="1"/>
      <c r="H23" s="1"/>
      <c r="S23" s="23"/>
    </row>
    <row r="24" spans="1:22" ht="30" customHeight="1" x14ac:dyDescent="0.2">
      <c r="F24" s="1"/>
      <c r="G24" s="1"/>
      <c r="H24" s="1"/>
      <c r="S24" s="25"/>
    </row>
    <row r="25" spans="1:22" ht="30" customHeight="1" x14ac:dyDescent="0.2">
      <c r="F25" s="1"/>
      <c r="G25" s="1"/>
      <c r="H25" s="1"/>
      <c r="J25" s="28" t="s">
        <v>3</v>
      </c>
      <c r="K25" s="90"/>
      <c r="L25" s="90"/>
      <c r="S25" s="25"/>
    </row>
    <row r="26" spans="1:22" ht="30" customHeight="1" x14ac:dyDescent="0.25">
      <c r="F26" s="1"/>
      <c r="G26" s="1"/>
      <c r="H26" s="1"/>
      <c r="J26" s="28" t="s">
        <v>5</v>
      </c>
      <c r="K26" s="96"/>
      <c r="L26" s="96"/>
      <c r="P26" s="27" t="s">
        <v>4</v>
      </c>
      <c r="Q26" s="95"/>
      <c r="R26" s="95"/>
      <c r="S26" s="25"/>
    </row>
    <row r="27" spans="1:22" ht="13.5" customHeight="1" x14ac:dyDescent="0.2">
      <c r="F27" s="1"/>
      <c r="G27" s="1"/>
      <c r="H27" s="1"/>
      <c r="P27" s="28" t="s">
        <v>6</v>
      </c>
      <c r="Q27" s="94"/>
      <c r="R27" s="94"/>
      <c r="S27" s="1"/>
      <c r="T27" s="1"/>
    </row>
    <row r="28" spans="1:22" ht="13.5" customHeight="1" x14ac:dyDescent="0.2">
      <c r="F28" s="1"/>
      <c r="G28" s="1"/>
      <c r="H28" s="1"/>
      <c r="I28" s="1"/>
      <c r="J28" s="1"/>
      <c r="K28" s="1"/>
      <c r="L28" s="1"/>
      <c r="M28" s="1"/>
      <c r="N28" s="1"/>
      <c r="O28" s="1"/>
      <c r="P28" s="28" t="s">
        <v>7</v>
      </c>
      <c r="Q28" s="90"/>
      <c r="R28" s="90"/>
      <c r="S28" s="1"/>
      <c r="T28" s="1"/>
      <c r="U28" s="1"/>
      <c r="V28" s="1"/>
    </row>
    <row r="29" spans="1:22" ht="13.5" customHeight="1" x14ac:dyDescent="0.2">
      <c r="F29" s="1"/>
      <c r="G29" s="1"/>
      <c r="H29" s="1"/>
      <c r="I29" s="1"/>
      <c r="J29" s="1"/>
      <c r="K29" s="1"/>
      <c r="L29" s="1"/>
      <c r="M29" s="1"/>
      <c r="N29" s="1"/>
      <c r="O29" s="1"/>
      <c r="P29" s="29" t="s">
        <v>8</v>
      </c>
      <c r="Q29" s="1"/>
      <c r="R29" s="2"/>
      <c r="S29" s="1"/>
      <c r="T29" s="1"/>
      <c r="U29" s="1"/>
      <c r="V29" s="1"/>
    </row>
    <row r="30" spans="1:22" ht="24.95" customHeight="1" x14ac:dyDescent="0.2"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</row>
    <row r="31" spans="1:22" s="6" customFormat="1" ht="20.100000000000001" customHeight="1" x14ac:dyDescent="0.25"/>
    <row r="32" spans="1:22" s="6" customFormat="1" ht="20.100000000000001" customHeight="1" x14ac:dyDescent="0.25"/>
    <row r="33" spans="5:20" ht="5.25" customHeight="1" x14ac:dyDescent="0.2">
      <c r="H33" s="1"/>
      <c r="I33" s="1"/>
      <c r="J33" s="1"/>
      <c r="K33" s="1"/>
      <c r="L33" s="1"/>
      <c r="M33" s="1"/>
      <c r="N33" s="1"/>
      <c r="O33" s="1"/>
    </row>
    <row r="34" spans="5:20" ht="20.100000000000001" customHeight="1" x14ac:dyDescent="0.2">
      <c r="H34" s="1"/>
      <c r="I34" s="1"/>
      <c r="J34" s="1"/>
      <c r="K34" s="1"/>
      <c r="L34" s="1"/>
      <c r="M34" s="1"/>
      <c r="N34" s="1"/>
      <c r="O34" s="1"/>
    </row>
    <row r="35" spans="5:20" ht="20.100000000000001" customHeight="1" x14ac:dyDescent="0.2">
      <c r="E35" s="1"/>
      <c r="F35" s="1"/>
      <c r="G35" s="1"/>
      <c r="J35" s="1"/>
      <c r="K35" s="1"/>
      <c r="L35" s="1"/>
      <c r="M35" s="1"/>
      <c r="N35" s="1"/>
      <c r="O35" s="1"/>
      <c r="S35" s="1"/>
      <c r="T35" s="1"/>
    </row>
    <row r="36" spans="5:20" x14ac:dyDescent="0.2">
      <c r="E36" s="1"/>
      <c r="F36" s="1"/>
      <c r="G36" s="1"/>
      <c r="J36" s="1"/>
      <c r="K36" s="1"/>
      <c r="L36" s="1"/>
      <c r="M36" s="1"/>
      <c r="N36" s="1"/>
      <c r="O36" s="1"/>
      <c r="S36" s="1"/>
      <c r="T36" s="1"/>
    </row>
    <row r="37" spans="5:20" x14ac:dyDescent="0.2">
      <c r="E37" s="1"/>
      <c r="F37" s="1"/>
      <c r="G37" s="1"/>
      <c r="J37" s="1"/>
      <c r="K37" s="1"/>
      <c r="L37" s="1"/>
      <c r="M37" s="1"/>
      <c r="N37" s="1"/>
      <c r="O37" s="1"/>
      <c r="P37" s="1"/>
      <c r="R37" s="1"/>
      <c r="S37" s="1"/>
      <c r="T37" s="1"/>
    </row>
    <row r="38" spans="5:20" x14ac:dyDescent="0.2">
      <c r="J38" s="1"/>
      <c r="K38" s="1"/>
      <c r="L38" s="1"/>
    </row>
    <row r="39" spans="5:20" x14ac:dyDescent="0.2">
      <c r="J39" s="1"/>
      <c r="K39" s="1"/>
      <c r="L39" s="1"/>
    </row>
    <row r="40" spans="5:20" x14ac:dyDescent="0.2">
      <c r="G40" s="26"/>
      <c r="H40" s="26"/>
    </row>
    <row r="41" spans="5:20" x14ac:dyDescent="0.2">
      <c r="G41" s="30"/>
      <c r="H41" s="30"/>
    </row>
    <row r="42" spans="5:20" x14ac:dyDescent="0.2">
      <c r="G42" s="30"/>
      <c r="H42" s="30"/>
    </row>
    <row r="43" spans="5:20" x14ac:dyDescent="0.2">
      <c r="G43" s="30"/>
      <c r="H43" s="30"/>
    </row>
    <row r="44" spans="5:20" x14ac:dyDescent="0.2">
      <c r="G44" s="30"/>
      <c r="H44" s="30"/>
    </row>
  </sheetData>
  <mergeCells count="24">
    <mergeCell ref="A1:S1"/>
    <mergeCell ref="K25:L25"/>
    <mergeCell ref="N7:O7"/>
    <mergeCell ref="N9:O9"/>
    <mergeCell ref="B19:E19"/>
    <mergeCell ref="B20:E20"/>
    <mergeCell ref="B7:C7"/>
    <mergeCell ref="B9:C9"/>
    <mergeCell ref="B21:E21"/>
    <mergeCell ref="K20:M20"/>
    <mergeCell ref="B8:C8"/>
    <mergeCell ref="N8:O8"/>
    <mergeCell ref="K21:M21"/>
    <mergeCell ref="B22:E22"/>
    <mergeCell ref="Q27:R27"/>
    <mergeCell ref="Q28:R28"/>
    <mergeCell ref="Q26:R26"/>
    <mergeCell ref="K26:L26"/>
    <mergeCell ref="B13:C13"/>
    <mergeCell ref="N13:O13"/>
    <mergeCell ref="B14:C14"/>
    <mergeCell ref="N14:O14"/>
    <mergeCell ref="B15:C15"/>
    <mergeCell ref="N15:O15"/>
  </mergeCells>
  <conditionalFormatting sqref="Q27:R27 G20 G22">
    <cfRule type="containsBlanks" dxfId="55" priority="138">
      <formula>LEN(TRIM(G20))=0</formula>
    </cfRule>
  </conditionalFormatting>
  <conditionalFormatting sqref="Q28:R28">
    <cfRule type="containsBlanks" dxfId="54" priority="137">
      <formula>LEN(TRIM(Q28))=0</formula>
    </cfRule>
  </conditionalFormatting>
  <conditionalFormatting sqref="R9">
    <cfRule type="containsBlanks" dxfId="53" priority="124">
      <formula>LEN(TRIM(R9))=0</formula>
    </cfRule>
  </conditionalFormatting>
  <conditionalFormatting sqref="N9:O9">
    <cfRule type="containsBlanks" dxfId="52" priority="123">
      <formula>LEN(TRIM(N9))=0</formula>
    </cfRule>
  </conditionalFormatting>
  <conditionalFormatting sqref="M9">
    <cfRule type="containsBlanks" dxfId="51" priority="121">
      <formula>LEN(TRIM(M9))=0</formula>
    </cfRule>
  </conditionalFormatting>
  <conditionalFormatting sqref="P9">
    <cfRule type="containsBlanks" dxfId="50" priority="122">
      <formula>LEN(TRIM(P9))=0</formula>
    </cfRule>
  </conditionalFormatting>
  <conditionalFormatting sqref="G9">
    <cfRule type="containsBlanks" dxfId="49" priority="117">
      <formula>LEN(TRIM(G9))=0</formula>
    </cfRule>
  </conditionalFormatting>
  <conditionalFormatting sqref="G19">
    <cfRule type="containsBlanks" dxfId="48" priority="111">
      <formula>LEN(TRIM(G19))=0</formula>
    </cfRule>
  </conditionalFormatting>
  <conditionalFormatting sqref="K20:M20">
    <cfRule type="containsBlanks" dxfId="47" priority="139">
      <formula>LEN(TRIM(K20))=0</formula>
    </cfRule>
  </conditionalFormatting>
  <conditionalFormatting sqref="K25:L25">
    <cfRule type="containsBlanks" dxfId="46" priority="106">
      <formula>LEN(TRIM(K25))=0</formula>
    </cfRule>
  </conditionalFormatting>
  <conditionalFormatting sqref="K26:L26">
    <cfRule type="containsBlanks" dxfId="45" priority="105">
      <formula>LEN(TRIM(K26))=0</formula>
    </cfRule>
  </conditionalFormatting>
  <conditionalFormatting sqref="K21:M21">
    <cfRule type="containsBlanks" dxfId="44" priority="104">
      <formula>LEN(TRIM(K21))=0</formula>
    </cfRule>
  </conditionalFormatting>
  <conditionalFormatting sqref="H9">
    <cfRule type="containsBlanks" dxfId="43" priority="99">
      <formula>LEN(TRIM(H9))=0</formula>
    </cfRule>
  </conditionalFormatting>
  <conditionalFormatting sqref="I9">
    <cfRule type="containsBlanks" dxfId="42" priority="88">
      <formula>LEN(TRIM(I9))=0</formula>
    </cfRule>
  </conditionalFormatting>
  <conditionalFormatting sqref="J9">
    <cfRule type="containsBlanks" dxfId="41" priority="82">
      <formula>LEN(TRIM(J9))=0</formula>
    </cfRule>
  </conditionalFormatting>
  <conditionalFormatting sqref="K9">
    <cfRule type="containsBlanks" dxfId="40" priority="76">
      <formula>LEN(TRIM(K9))=0</formula>
    </cfRule>
  </conditionalFormatting>
  <conditionalFormatting sqref="L9">
    <cfRule type="containsBlanks" dxfId="39" priority="70">
      <formula>LEN(TRIM(L9))=0</formula>
    </cfRule>
  </conditionalFormatting>
  <conditionalFormatting sqref="Q9">
    <cfRule type="containsBlanks" dxfId="38" priority="54">
      <formula>LEN(TRIM(Q9))=0</formula>
    </cfRule>
  </conditionalFormatting>
  <conditionalFormatting sqref="S9">
    <cfRule type="containsBlanks" dxfId="37" priority="43">
      <formula>LEN(TRIM(S9))=0</formula>
    </cfRule>
  </conditionalFormatting>
  <conditionalFormatting sqref="G21">
    <cfRule type="containsBlanks" dxfId="36" priority="37">
      <formula>LEN(TRIM(G21))=0</formula>
    </cfRule>
  </conditionalFormatting>
  <conditionalFormatting sqref="R8">
    <cfRule type="containsBlanks" dxfId="35" priority="36">
      <formula>LEN(TRIM(R8))=0</formula>
    </cfRule>
  </conditionalFormatting>
  <conditionalFormatting sqref="N8:O8">
    <cfRule type="containsBlanks" dxfId="34" priority="35">
      <formula>LEN(TRIM(N8))=0</formula>
    </cfRule>
  </conditionalFormatting>
  <conditionalFormatting sqref="M8">
    <cfRule type="containsBlanks" dxfId="33" priority="33">
      <formula>LEN(TRIM(M8))=0</formula>
    </cfRule>
  </conditionalFormatting>
  <conditionalFormatting sqref="P8">
    <cfRule type="containsBlanks" dxfId="32" priority="34">
      <formula>LEN(TRIM(P8))=0</formula>
    </cfRule>
  </conditionalFormatting>
  <conditionalFormatting sqref="G8">
    <cfRule type="containsBlanks" dxfId="31" priority="32">
      <formula>LEN(TRIM(G8))=0</formula>
    </cfRule>
  </conditionalFormatting>
  <conditionalFormatting sqref="H8">
    <cfRule type="containsBlanks" dxfId="30" priority="31">
      <formula>LEN(TRIM(H8))=0</formula>
    </cfRule>
  </conditionalFormatting>
  <conditionalFormatting sqref="I8">
    <cfRule type="containsBlanks" dxfId="29" priority="30">
      <formula>LEN(TRIM(I8))=0</formula>
    </cfRule>
  </conditionalFormatting>
  <conditionalFormatting sqref="J8">
    <cfRule type="containsBlanks" dxfId="28" priority="29">
      <formula>LEN(TRIM(J8))=0</formula>
    </cfRule>
  </conditionalFormatting>
  <conditionalFormatting sqref="K8">
    <cfRule type="containsBlanks" dxfId="27" priority="28">
      <formula>LEN(TRIM(K8))=0</formula>
    </cfRule>
  </conditionalFormatting>
  <conditionalFormatting sqref="L8">
    <cfRule type="containsBlanks" dxfId="26" priority="27">
      <formula>LEN(TRIM(L8))=0</formula>
    </cfRule>
  </conditionalFormatting>
  <conditionalFormatting sqref="Q8">
    <cfRule type="containsBlanks" dxfId="25" priority="26">
      <formula>LEN(TRIM(Q8))=0</formula>
    </cfRule>
  </conditionalFormatting>
  <conditionalFormatting sqref="S8">
    <cfRule type="containsBlanks" dxfId="24" priority="25">
      <formula>LEN(TRIM(S8))=0</formula>
    </cfRule>
  </conditionalFormatting>
  <conditionalFormatting sqref="R15">
    <cfRule type="containsBlanks" dxfId="23" priority="24">
      <formula>LEN(TRIM(R15))=0</formula>
    </cfRule>
  </conditionalFormatting>
  <conditionalFormatting sqref="N15:O15">
    <cfRule type="containsBlanks" dxfId="22" priority="23">
      <formula>LEN(TRIM(N15))=0</formula>
    </cfRule>
  </conditionalFormatting>
  <conditionalFormatting sqref="M15">
    <cfRule type="containsBlanks" dxfId="21" priority="21">
      <formula>LEN(TRIM(M15))=0</formula>
    </cfRule>
  </conditionalFormatting>
  <conditionalFormatting sqref="P15">
    <cfRule type="containsBlanks" dxfId="20" priority="22">
      <formula>LEN(TRIM(P15))=0</formula>
    </cfRule>
  </conditionalFormatting>
  <conditionalFormatting sqref="G15">
    <cfRule type="containsBlanks" dxfId="19" priority="20">
      <formula>LEN(TRIM(G15))=0</formula>
    </cfRule>
  </conditionalFormatting>
  <conditionalFormatting sqref="H15">
    <cfRule type="containsBlanks" dxfId="18" priority="19">
      <formula>LEN(TRIM(H15))=0</formula>
    </cfRule>
  </conditionalFormatting>
  <conditionalFormatting sqref="I15">
    <cfRule type="containsBlanks" dxfId="17" priority="18">
      <formula>LEN(TRIM(I15))=0</formula>
    </cfRule>
  </conditionalFormatting>
  <conditionalFormatting sqref="J15">
    <cfRule type="containsBlanks" dxfId="16" priority="17">
      <formula>LEN(TRIM(J15))=0</formula>
    </cfRule>
  </conditionalFormatting>
  <conditionalFormatting sqref="K15">
    <cfRule type="containsBlanks" dxfId="15" priority="16">
      <formula>LEN(TRIM(K15))=0</formula>
    </cfRule>
  </conditionalFormatting>
  <conditionalFormatting sqref="L15">
    <cfRule type="containsBlanks" dxfId="14" priority="15">
      <formula>LEN(TRIM(L15))=0</formula>
    </cfRule>
  </conditionalFormatting>
  <conditionalFormatting sqref="Q15">
    <cfRule type="containsBlanks" dxfId="13" priority="14">
      <formula>LEN(TRIM(Q15))=0</formula>
    </cfRule>
  </conditionalFormatting>
  <conditionalFormatting sqref="S15">
    <cfRule type="containsBlanks" dxfId="12" priority="13">
      <formula>LEN(TRIM(S15))=0</formula>
    </cfRule>
  </conditionalFormatting>
  <conditionalFormatting sqref="R14">
    <cfRule type="containsBlanks" dxfId="11" priority="12">
      <formula>LEN(TRIM(R14))=0</formula>
    </cfRule>
  </conditionalFormatting>
  <conditionalFormatting sqref="N14:O14">
    <cfRule type="containsBlanks" dxfId="10" priority="11">
      <formula>LEN(TRIM(N14))=0</formula>
    </cfRule>
  </conditionalFormatting>
  <conditionalFormatting sqref="M14">
    <cfRule type="containsBlanks" dxfId="9" priority="9">
      <formula>LEN(TRIM(M14))=0</formula>
    </cfRule>
  </conditionalFormatting>
  <conditionalFormatting sqref="P14">
    <cfRule type="containsBlanks" dxfId="8" priority="10">
      <formula>LEN(TRIM(P14))=0</formula>
    </cfRule>
  </conditionalFormatting>
  <conditionalFormatting sqref="G14">
    <cfRule type="containsBlanks" dxfId="7" priority="8">
      <formula>LEN(TRIM(G14))=0</formula>
    </cfRule>
  </conditionalFormatting>
  <conditionalFormatting sqref="H14">
    <cfRule type="containsBlanks" dxfId="6" priority="7">
      <formula>LEN(TRIM(H14))=0</formula>
    </cfRule>
  </conditionalFormatting>
  <conditionalFormatting sqref="I14">
    <cfRule type="containsBlanks" dxfId="5" priority="6">
      <formula>LEN(TRIM(I14))=0</formula>
    </cfRule>
  </conditionalFormatting>
  <conditionalFormatting sqref="J14">
    <cfRule type="containsBlanks" dxfId="4" priority="5">
      <formula>LEN(TRIM(J14))=0</formula>
    </cfRule>
  </conditionalFormatting>
  <conditionalFormatting sqref="K14">
    <cfRule type="containsBlanks" dxfId="3" priority="4">
      <formula>LEN(TRIM(K14))=0</formula>
    </cfRule>
  </conditionalFormatting>
  <conditionalFormatting sqref="L14">
    <cfRule type="containsBlanks" dxfId="2" priority="3">
      <formula>LEN(TRIM(L14))=0</formula>
    </cfRule>
  </conditionalFormatting>
  <conditionalFormatting sqref="Q14">
    <cfRule type="containsBlanks" dxfId="1" priority="2">
      <formula>LEN(TRIM(Q14))=0</formula>
    </cfRule>
  </conditionalFormatting>
  <conditionalFormatting sqref="S14">
    <cfRule type="containsBlanks" dxfId="0" priority="1">
      <formula>LEN(TRIM(S14))=0</formula>
    </cfRule>
  </conditionalFormatting>
  <pageMargins left="0.70866141732283472" right="0.70866141732283472" top="0.98124999999999996" bottom="0.74803149606299213" header="0.31496062992125984" footer="0.31496062992125984"/>
  <pageSetup paperSize="9" scale="56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9-28T06:01:00Z</cp:lastPrinted>
  <dcterms:created xsi:type="dcterms:W3CDTF">2017-04-21T05:51:15Z</dcterms:created>
  <dcterms:modified xsi:type="dcterms:W3CDTF">2022-10-19T11:44:46Z</dcterms:modified>
</cp:coreProperties>
</file>